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2"/>
  </p:notesMasterIdLst>
  <p:handoutMasterIdLst>
    <p:handoutMasterId r:id="rId13"/>
  </p:handoutMasterIdLst>
  <p:sldIdLst>
    <p:sldId id="256" r:id="rId2"/>
    <p:sldId id="260" r:id="rId3"/>
    <p:sldId id="258" r:id="rId4"/>
    <p:sldId id="264" r:id="rId5"/>
    <p:sldId id="259" r:id="rId6"/>
    <p:sldId id="257" r:id="rId7"/>
    <p:sldId id="261" r:id="rId8"/>
    <p:sldId id="262" r:id="rId9"/>
    <p:sldId id="263" r:id="rId10"/>
    <p:sldId id="265" r:id="rId11"/>
  </p:sldIdLst>
  <p:sldSz cx="12190413" cy="6859588"/>
  <p:notesSz cx="6858000" cy="9144000"/>
  <p:custDataLst>
    <p:tags r:id="rId14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0104" autoAdjust="0"/>
  </p:normalViewPr>
  <p:slideViewPr>
    <p:cSldViewPr snapToGrid="0">
      <p:cViewPr varScale="1">
        <p:scale>
          <a:sx n="70" d="100"/>
          <a:sy n="70" d="100"/>
        </p:scale>
        <p:origin x="78" y="110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gs" Target="tags/tag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31-01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31/01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xmlns="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xmlns="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0B41247-62C5-4295-A3D4-783131CEB7C3}" type="datetime1">
              <a:rPr lang="en-GB" smtClean="0"/>
              <a:t>31/01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xmlns="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xmlns="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xmlns="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xmlns="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xmlns="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xmlns="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C63FFC-C24F-42BD-8F6D-3A4421BCC06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xmlns="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AED2E60-01D6-4F79-A625-452943605DA2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5268D6-3EF9-436B-BEF6-97BB38C5C78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1136B9-D526-4536-AEB5-49DE53A308E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xmlns="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F003625-C224-48A4-9718-353072F8E6F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xmlns="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xmlns="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xmlns="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xmlns="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xmlns="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xmlns="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xmlns="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0B3C2C9-42B2-48C3-9414-AE8D19407EE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xmlns="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xmlns="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xmlns="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xmlns="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D77DD1E-B98B-45F7-9546-B1788170E4B4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xmlns="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xmlns="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xmlns="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/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xmlns="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xmlns="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xmlns="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xmlns="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xmlns="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xmlns="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xmlns="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xmlns="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xmlns="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xmlns="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3DD2A6-1BE7-4EA9-84A2-F11A5165DE0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xmlns="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xmlns="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58225B1-A452-40FC-8A01-84666A009EC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8720B68-5729-4698-9390-DCA51205AB42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xmlns="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E6C92720-8A0E-4F9D-A333-A503748AD998}" type="datetime1">
              <a:rPr lang="en-GB" smtClean="0"/>
              <a:t>31/01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8063B2E-8C01-4370-811D-ED9CFFBF81C2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xmlns="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45CA955-04E6-4654-8B79-967A1A11EE7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BB587D8-8DF5-429A-9A05-A0054CA7C72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xmlns="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1F8F006-CEFB-45B4-BF92-9A6B900214BF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xmlns="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xmlns="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xmlns="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D87EA63-F755-4A8E-821B-329ACEE8C48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xmlns="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474691D-64E9-4E3B-9E5D-6AEA0C7231F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xmlns="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xmlns="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25927CF-B54D-4FAB-9BA6-A5A4312AA97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xmlns="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A9BBBF3-9064-4CF2-A72B-5C6CDAF7C4A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xmlns="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xmlns="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B96E6CF-5C31-4870-BCB6-07823A895C7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xmlns="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xmlns="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xmlns="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698D980-7D00-4681-8746-7532DC986D4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xmlns="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xmlns="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xmlns="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3A22D842-3640-4CD1-91C9-664BDD60E01C}" type="datetime1">
              <a:rPr lang="en-GB" smtClean="0"/>
              <a:t>31/01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xmlns="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xmlns="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xmlns="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xmlns="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xmlns="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xmlns="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xmlns="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70887E3-FB36-4E7A-94BB-25B55929D58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xmlns="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xmlns="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xmlns="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xmlns="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xmlns="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xmlns="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xmlns="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733259D-1726-41CC-85B5-646D9C5309C3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xmlns="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xmlns="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xmlns="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5DCD29F3-26A2-49DB-ACBF-22741F94563B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xmlns="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xmlns="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xmlns="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9EAAD15E-3686-4532-A41A-9BA2E08CE830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xmlns="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B2FEAA5-A606-430E-96AD-196D98FDB19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xmlns="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3E80CA-0AF9-43BD-9676-82C6664A7763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xmlns="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xmlns="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822A32C-F391-47B9-A546-44C271C6C0D0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EA9E9C4-D3C9-488E-A8FC-F4DAD8C9D9BF}" type="datetime1">
              <a:rPr lang="en-GB" smtClean="0"/>
              <a:t>31/01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xmlns="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xmlns="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xmlns="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5110B7A-E063-4E38-A3C2-3B338016AFCF}" type="datetime1">
              <a:rPr lang="en-GB" smtClean="0"/>
              <a:t>31/01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xmlns="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C6073AA9-65D9-481B-934A-4D13A415404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xmlns="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xmlns="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C3CE41D-80B5-447F-B030-1484AC3D6CB0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xmlns="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A9E4F07-EEAF-45BB-A7C7-3D95AB9E62A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xmlns="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xmlns="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33FBDA7-6230-410C-AB76-A8190197912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xmlns="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6473F4E-91A4-4C5D-BCED-01D34A47CC2E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8B61100-919C-4CF2-9D52-25E29E08295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xmlns="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C3CC85F-6194-4C2D-BB55-33B1B6E2233F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xmlns="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96E9BBC-B0A1-4150-9A9F-F34527166AF0}" type="datetime1">
              <a:rPr lang="en-GB" smtClean="0"/>
              <a:t>31/01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xmlns="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xmlns="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xmlns="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xmlns="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xmlns="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xmlns="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xmlns="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400" dirty="0"/>
              <a:t>Overview of WRAP 2014 Platform develop and Shake-Out project update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xmlns="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98513" y="3102429"/>
            <a:ext cx="8136879" cy="3001931"/>
          </a:xfrm>
        </p:spPr>
        <p:txBody>
          <a:bodyPr/>
          <a:lstStyle/>
          <a:p>
            <a:r>
              <a:rPr lang="en-GB" sz="2800" dirty="0"/>
              <a:t>Ralph Morris, Tejas Shah, Marco Rodriguez, Jeremiah Johnson, Pradeepa Vennam, Kaity Lieschke, Ramboll</a:t>
            </a:r>
          </a:p>
          <a:p>
            <a:r>
              <a:rPr lang="en-GB" sz="2800" dirty="0"/>
              <a:t>B.H. Baek, UNC</a:t>
            </a:r>
          </a:p>
          <a:p>
            <a:endParaRPr lang="en-GB" sz="2800" dirty="0"/>
          </a:p>
          <a:p>
            <a:pPr algn="ctr"/>
            <a:r>
              <a:rPr lang="en-GB" sz="2800" dirty="0"/>
              <a:t>January 31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51DD88A-2986-4952-827D-6A3D2B2067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vised milestone schedu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CC08F295-73E9-474B-8715-D9A48A010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47801"/>
            <a:ext cx="10588625" cy="620486"/>
          </a:xfrm>
        </p:spPr>
        <p:txBody>
          <a:bodyPr/>
          <a:lstStyle/>
          <a:p>
            <a:r>
              <a:rPr lang="en-US" dirty="0"/>
              <a:t>Highlighted are completed work elemen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AD54FDF1-350D-4C9D-A771-22DB06BEF04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1736" y="2155371"/>
            <a:ext cx="8257728" cy="3680061"/>
          </a:xfrm>
          <a:prstGeom prst="rect">
            <a:avLst/>
          </a:prstGeo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807E15C0-4463-48B5-BAF8-AAA49E891D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58616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6DE1602C-E5D6-4F55-8DBE-3661287555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RAP 2014 Shake-Out Objective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7281482F-C4C5-4462-8D9B-6A2C4749208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295400"/>
            <a:ext cx="4745760" cy="4412987"/>
          </a:xfrm>
        </p:spPr>
        <p:txBody>
          <a:bodyPr/>
          <a:lstStyle/>
          <a:p>
            <a:r>
              <a:rPr lang="en-US" dirty="0"/>
              <a:t>Use existing information to develop a 2014 PGM modeling platform for western U.S. and provide initial test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3-month projec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 2014 Platform (12US2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WRF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PA (12US2) &amp; WAQS (36US/12WUS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36-km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nsitivity Tests for WRF 12-km met and Biogenic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 CAMx and CMAQ 36/12-km Annual Shake-Out Ru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Evaluate fire plume ris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884789EE-FA2F-4C62-852A-57A0AE3C51AB}"/>
              </a:ext>
            </a:extLst>
          </p:cNvPr>
          <p:cNvPicPr/>
          <p:nvPr/>
        </p:nvPicPr>
        <p:blipFill rotWithShape="1">
          <a:blip r:embed="rId2"/>
          <a:srcRect l="21698" t="12777" r="24514" b="55808"/>
          <a:stretch/>
        </p:blipFill>
        <p:spPr bwMode="auto">
          <a:xfrm>
            <a:off x="5798917" y="1934675"/>
            <a:ext cx="5718170" cy="4063354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xmlns="" id="{FEAC0F46-DE4A-4075-9E63-BE8B40435AF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739494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B227937D-0641-4932-9C4A-3FDD821AA2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14 Shake-Out Tasks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CAB60886-6EAE-429F-8D1B-A3934C5B31D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55914"/>
            <a:ext cx="10588625" cy="4652473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Task 1:  Modeling Plan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Draft Modeling Plan for 2014 Shake-Out dated December 31, 2018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wo comments received – Any more?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o do Modeling Plan on Lessons Learned (e.g., 2008 WestJumpAQMS and 2011 WAQS)</a:t>
            </a:r>
          </a:p>
          <a:p>
            <a:r>
              <a:rPr lang="en-US" dirty="0"/>
              <a:t>No Task 2</a:t>
            </a:r>
          </a:p>
          <a:p>
            <a:r>
              <a:rPr lang="en-US" dirty="0"/>
              <a:t>Task 3:  2014 Base Year Emissions Process </a:t>
            </a:r>
          </a:p>
          <a:p>
            <a:r>
              <a:rPr lang="en-US" dirty="0"/>
              <a:t>Task 4:  2014 WRF Meteorology MPE (PPT)</a:t>
            </a:r>
          </a:p>
          <a:p>
            <a:r>
              <a:rPr lang="en-US" dirty="0"/>
              <a:t>Task 5:  2014 GEOS-Chem BCs (PPT)</a:t>
            </a:r>
          </a:p>
          <a:p>
            <a:r>
              <a:rPr lang="en-US" dirty="0"/>
              <a:t>Task 6:  2014 PGM Modeling (contract update received Jan 29, 2019; Update Slide to Follow)</a:t>
            </a:r>
          </a:p>
          <a:p>
            <a:r>
              <a:rPr lang="en-US" dirty="0"/>
              <a:t>Task 7:  Single-Source Visibility Modeling</a:t>
            </a:r>
          </a:p>
          <a:p>
            <a:r>
              <a:rPr lang="en-US" dirty="0"/>
              <a:t>No Tasks 8, 9 and 10</a:t>
            </a:r>
          </a:p>
          <a:p>
            <a:r>
              <a:rPr lang="en-US" dirty="0"/>
              <a:t>Task 11:  Data Transfer to IWDW</a:t>
            </a:r>
          </a:p>
          <a:p>
            <a:r>
              <a:rPr lang="en-US" dirty="0"/>
              <a:t>Task 12:  Management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xmlns="" id="{CF389093-593B-41D2-8A04-61531A2FACB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79562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3C01A684-2DE9-4409-BDB6-D0D9D30D1E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1:  Modeling 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4FF34307-3D01-48A7-809A-82DA882373B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raft 2014 Platform Development and Shake-Out Modeling Plan dated December 31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ked for comments by January 22, 2019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ceived four comments</a:t>
            </a:r>
          </a:p>
          <a:p>
            <a:r>
              <a:rPr lang="en-US" dirty="0"/>
              <a:t>Update Draft 2014 Modeling Plan to address comments and redistribute by February 4, 2019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ould like comments by end of week (February 8, 2019)</a:t>
            </a:r>
          </a:p>
          <a:p>
            <a:r>
              <a:rPr lang="en-US" dirty="0"/>
              <a:t>Second “Modeling Plan” on lessons learned from 2008/2011 and preliminary 2014 modeling that can be accounted for in 2014v2 Platform Update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raft by end of Feb 2019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092D2FF2-50C0-4C1F-B5E9-EB24827D5AF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96084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6B03F16-BD33-4E9A-AB7E-245E84C68A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3:  2014 Emissions Processing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81A5CBA2-E4BA-48F7-B20F-F6C9CF96DA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99458"/>
            <a:ext cx="10588625" cy="4608930"/>
          </a:xfrm>
        </p:spPr>
        <p:txBody>
          <a:bodyPr/>
          <a:lstStyle/>
          <a:p>
            <a:r>
              <a:rPr lang="en-US" dirty="0"/>
              <a:t>Start with EPA’s 2014 Modeling CMAQ-ready emissions for 12-km 12US2 modeling domains</a:t>
            </a:r>
          </a:p>
          <a:p>
            <a:r>
              <a:rPr lang="en-US" dirty="0"/>
              <a:t>2014 Anthropogenic Emissions (UNC Lea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for 36-km 36US1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Processing of 2014 Point and Non-Point  with western state updates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oint: O&amp;G, EGU, nonEGU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Non-Point: RWC, FugDust, Other (Area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ransfer of 2014 36/12-km CMAQ-ready sector emissions to Ramboll (Jan 30, 2019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CMAQ2CAMx convertor</a:t>
            </a:r>
          </a:p>
          <a:p>
            <a:r>
              <a:rPr lang="en-US" dirty="0"/>
              <a:t>2014 Natural Emiss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GANv3 Biogenic (compare with EPA SMOKE-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a Salt processor (SSA/DMS) – CAMx with DMS chemistry not ready, rename DMS as SO2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WBD Processor – Needs more refine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ew 2014 Fires from Air Sciences (received January 30, 2019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BA574F0-5131-448F-A79F-B62E384D7658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426341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ask 4:  2014 WRF Model Evaluation (PPT to Follow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Two WRF 12-km Dataset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PA 12-km 12US2 and WAQS 12-km WUS2</a:t>
            </a:r>
          </a:p>
          <a:p>
            <a:r>
              <a:rPr lang="en-GB" dirty="0"/>
              <a:t>Quantitative Evaluation using Surface Me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Wind Speed, Wind Direction, Temperature and Humidity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Evaluate for WUS, by State and by Site (make available on IWDW)</a:t>
            </a:r>
          </a:p>
          <a:p>
            <a:r>
              <a:rPr lang="en-GB" dirty="0"/>
              <a:t>Qualitative Evaluation of Precipitation using PRISM Data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GB" dirty="0"/>
              <a:t>Monthly and Daily Evaluation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F2E9F729-0481-4C01-A0D2-B76EBB1FCAB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F27A9E4-60C0-4FA7-A7F9-CBDFC631F9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5:  2014 GEOS-Chem Boundary Conditions (PPT to follow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BBD9D33F-20F3-45AD-BB96-C2FF909E9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58686"/>
            <a:ext cx="10588625" cy="4249701"/>
          </a:xfrm>
        </p:spPr>
        <p:txBody>
          <a:bodyPr/>
          <a:lstStyle/>
          <a:p>
            <a:r>
              <a:rPr lang="en-US" dirty="0"/>
              <a:t>Process 2014 GEOS-Chem to generate BCs for CAMx and CMAQ 25-layer 36US domai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pdate species mapping in GC2CAMx and GC2CMAQ</a:t>
            </a:r>
          </a:p>
          <a:p>
            <a:r>
              <a:rPr lang="en-US" dirty="0"/>
              <a:t>Conduct inert with deposition BC-only CAMx 36-km 36US1 and 12-km 12US2 domains simulations and analyze spatial plots and evaluation against CASTNet O3 and IMPROV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s just simulating BCs (no emissions or chemistry) would expect model to underestimat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otential issues seen with Ozone, Crustal (Fine and Coarse) and SO4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o issues seen with NH3 and NaCl that have been seen in past Global runs</a:t>
            </a:r>
          </a:p>
          <a:p>
            <a:r>
              <a:rPr lang="en-US" dirty="0"/>
              <a:t>Adjust 2014 BCs to eliminate anomali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 capping of maximum species to eliminate anomalies (Ozone, SO4 and SO2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n’t use scaling that should be addressed with GEOS-Chem emission updates</a:t>
            </a:r>
          </a:p>
          <a:p>
            <a:r>
              <a:rPr lang="en-US" dirty="0"/>
              <a:t>Rerun inert BC-only CAMx 36-km simul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nalyze Results 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AE7913F6-0812-4556-9E64-774852A690E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1645219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C27AFDC-5101-474D-8F81-00D520B1B7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sk 6:  2014 PGM Model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F1E8AEA9-07E2-4499-85B4-528360714C4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328057"/>
            <a:ext cx="10588625" cy="4380330"/>
          </a:xfrm>
        </p:spPr>
        <p:txBody>
          <a:bodyPr/>
          <a:lstStyle/>
          <a:p>
            <a:r>
              <a:rPr lang="en-US" dirty="0"/>
              <a:t>CAMx and CMAQ 2014 Annual Shake-Out Runs</a:t>
            </a:r>
          </a:p>
          <a:p>
            <a:r>
              <a:rPr lang="en-US" dirty="0"/>
              <a:t>Subtask 6a: PGM Set-Up and Initial Sensitivity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F 12-km Sensitivity (EPA 12US2 vs. WAQS 12 WUS1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Biogenic Sensitivity (MEGAN vs. BEI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elect configuration for 2014 Shake-Out Runs</a:t>
            </a:r>
          </a:p>
          <a:p>
            <a:r>
              <a:rPr lang="en-US" dirty="0"/>
              <a:t>Subtask 6b: Annual 2014 CAMx and CMAQ 36/12-km Shake-Out Ru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odel Performance Evalu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Lessons Learned / Recommendations for Next Step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dditional Sensitivity Tests: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Fire Plume Rise (EPA Briggs vs. WRAP Approach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[No Layer Collapsing]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8B80F90B-7C20-4CA3-A79D-EC1615DC1C0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489455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F53DE2EE-0558-4936-B157-3DEF9873E2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200" dirty="0"/>
              <a:t>Tasks 7 (Single-Source) 11 (Transfer) and 12 (Management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E1B6E20E-C1FD-40A3-B269-7733353E734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ask 7:  Single-Source Visibility Screening and Modeling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eparation of PPT and Conduct Webinar December 12, 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Document in Memorandum – Is this needed?  Is there interest by states?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Separate Q/D Analysis Project for Control Measures Subcommittee</a:t>
            </a:r>
          </a:p>
          <a:p>
            <a:r>
              <a:rPr lang="en-US" dirty="0"/>
              <a:t>Task 11:  Data Transfer to IWD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ajor transfers to occur in February</a:t>
            </a:r>
          </a:p>
          <a:p>
            <a:r>
              <a:rPr lang="en-US" dirty="0"/>
              <a:t>Task 12: Manage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etings, Conference Calls, Coordination, Progress Report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RAP 2014 Shake-Out Meeting March 7, 2019 in Greater Denver Are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63941F8C-DC44-4402-87B1-9B20B40ED2C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029434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675</TotalTime>
  <Words>835</Words>
  <Application>Microsoft Office PowerPoint</Application>
  <PresentationFormat>Custom</PresentationFormat>
  <Paragraphs>105</Paragraphs>
  <Slides>10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5" baseType="lpstr">
      <vt:lpstr>Arial</vt:lpstr>
      <vt:lpstr>Courier New</vt:lpstr>
      <vt:lpstr>Verdana</vt:lpstr>
      <vt:lpstr>Wingdings</vt:lpstr>
      <vt:lpstr>Blank</vt:lpstr>
      <vt:lpstr>Overview of WRAP 2014 Platform develop and Shake-Out project update</vt:lpstr>
      <vt:lpstr>WRAP 2014 Shake-Out Objectives</vt:lpstr>
      <vt:lpstr>2014 Shake-Out Tasks</vt:lpstr>
      <vt:lpstr>Task 1:  Modeling Plan</vt:lpstr>
      <vt:lpstr>Task 3:  2014 Emissions Processing </vt:lpstr>
      <vt:lpstr>Task 4:  2014 WRF Model Evaluation (PPT to Follow)</vt:lpstr>
      <vt:lpstr>Task 5:  2014 GEOS-Chem Boundary Conditions (PPT to follow)</vt:lpstr>
      <vt:lpstr>Task 6:  2014 PGM Modeling</vt:lpstr>
      <vt:lpstr>Tasks 7 (Single-Source) 11 (Transfer) and 12 (Management)</vt:lpstr>
      <vt:lpstr>Revised milestone schedule</vt:lpstr>
    </vt:vector>
  </TitlesOfParts>
  <Company>Ramboll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Ames Roger</cp:lastModifiedBy>
  <cp:revision>32</cp:revision>
  <dcterms:created xsi:type="dcterms:W3CDTF">2017-10-17T11:00:12Z</dcterms:created>
  <dcterms:modified xsi:type="dcterms:W3CDTF">2019-01-31T22:17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6713910522723</vt:lpwstr>
  </property>
</Properties>
</file>